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3462" autoAdjust="0"/>
  </p:normalViewPr>
  <p:slideViewPr>
    <p:cSldViewPr snapToGrid="0">
      <p:cViewPr>
        <p:scale>
          <a:sx n="100" d="100"/>
          <a:sy n="100" d="100"/>
        </p:scale>
        <p:origin x="1008" y="41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9-8-2025</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9-8-2025</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uitgees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schermopname, Graphics, Lettertype&#10;&#10;Door AI gegenereerde inhoud is mogelijk onjuist.">
            <a:extLst>
              <a:ext uri="{FF2B5EF4-FFF2-40B4-BE49-F238E27FC236}">
                <a16:creationId xmlns:a16="http://schemas.microsoft.com/office/drawing/2014/main" id="{858765E0-0F8E-1313-C8CC-F8014D23474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1561" y="4874646"/>
            <a:ext cx="2007314" cy="174265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schermopname, Graphics, Lettertype&#10;&#10;Door AI gegenereerde inhoud is mogelijk onjuist.">
            <a:extLst>
              <a:ext uri="{FF2B5EF4-FFF2-40B4-BE49-F238E27FC236}">
                <a16:creationId xmlns:a16="http://schemas.microsoft.com/office/drawing/2014/main" id="{9EEBE5ED-4A58-5864-F8A3-B3AE6A51A3F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4161" y="4125878"/>
            <a:ext cx="1473914" cy="127958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5-08-19T12:42:39Z</dcterms:modified>
</cp:coreProperties>
</file>